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he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A57FC1DF-36D1-40E0-B76F-20D75E7BC70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8111" y="4645572"/>
            <a:ext cx="1860909" cy="193906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5F32E746-A310-C49E-18B7-ED25BFA539A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490220" y="4071175"/>
            <a:ext cx="1146360" cy="119450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7-22T09:26:33Z</dcterms:modified>
</cp:coreProperties>
</file>